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115" d="100"/>
          <a:sy n="115" d="100"/>
        </p:scale>
        <p:origin x="1432" y="192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4" Type="http://schemas.openxmlformats.org/officeDocument/2006/relationships/slideLayout" Target="../slideLayouts/slideLayout1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endParaRPr lang="en-AU" sz="1400" dirty="0"/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92808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AU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41605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23561" y="4556304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</p:nvPr>
        </p:nvGraphicFramePr>
        <p:xfrm>
          <a:off x="913379" y="1745511"/>
          <a:ext cx="8861879" cy="452139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86</TotalTime>
  <Words>38</Words>
  <Application>Microsoft Macintosh PowerPoint</Application>
  <PresentationFormat>Custom</PresentationFormat>
  <Paragraphs>14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Arial Narrow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Annabel Gurney</cp:lastModifiedBy>
  <cp:revision>19</cp:revision>
  <dcterms:created xsi:type="dcterms:W3CDTF">2020-04-17T12:29:06Z</dcterms:created>
  <dcterms:modified xsi:type="dcterms:W3CDTF">2023-01-13T21:52:01Z</dcterms:modified>
</cp:coreProperties>
</file>